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21"/>
  </p:sldMasterIdLst>
  <p:notesMasterIdLst>
    <p:notesMasterId r:id="rId25"/>
  </p:notesMasterIdLst>
  <p:handoutMasterIdLst>
    <p:handoutMasterId r:id="rId26"/>
  </p:handoutMasterIdLst>
  <p:sldIdLst>
    <p:sldId id="256" r:id="rId22"/>
    <p:sldId id="258" r:id="rId23"/>
    <p:sldId id="257" r:id="rId2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3447" autoAdjust="0"/>
  </p:normalViewPr>
  <p:slideViewPr>
    <p:cSldViewPr snapToGrid="0" snapToObjects="1" showGuides="1">
      <p:cViewPr varScale="1">
        <p:scale>
          <a:sx n="63" d="100"/>
          <a:sy n="63" d="100"/>
        </p:scale>
        <p:origin x="764" y="56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Master" Target="slideMasters/slide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3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2.xml"/><Relationship Id="rId28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1.xml"/><Relationship Id="rId27" Type="http://schemas.openxmlformats.org/officeDocument/2006/relationships/commentAuthors" Target="commentAuthors.xml"/><Relationship Id="rId30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3/22/2024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3/22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emf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6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873536768" name="Classification" descr="{&quot;templafy&quot;:{&quot;id&quot;:&quot;39739e2c-bdee-4a94-830e-0543c7d0fda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J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6147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3416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4827600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104000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noProof="0"/>
              <a:t>—</a:t>
            </a:r>
            <a:endParaRPr lang="en-US"/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0D1362E-CE78-4662-BA91-6D9EC4483C6D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6FB3D56-49DD-D6FE-EE0F-8D25858E4E1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D3C50304-11E7-7DA8-E93B-1049644DB6BA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92826617" name="Classification" descr="{&quot;templafy&quot;:{&quot;id&quot;:&quot;9ec6e1c9-1038-4662-b5a7-aee4ae087f2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26800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63B783F-8B3F-FC7D-CFF6-A945E0AF600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C309238-6773-4B40-B75A-F4F5CD040202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BBB293D-D031-5695-8428-C67F0D88F6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FAAD8AB-118C-AD72-4FA0-0082F2FD2830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972817878" name="Classification" descr="{&quot;templafy&quot;:{&quot;id&quot;:&quot;603c3e90-0194-4971-849a-3f31329a9d9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848698363" name="Classification" descr="{&quot;templafy&quot;:{&quot;id&quot;:&quot;3110b454-f370-43b4-be78-ec38bb1c5a3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March 22, 2024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460379422" name="Classification" descr="{&quot;templafy&quot;:{&quot;id&quot;:&quot;debbfc72-1d80-4f04-b4fb-3604fbe7979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2FD292C-8ACD-4DDF-85DC-F78023C9F065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pic>
        <p:nvPicPr>
          <p:cNvPr id="2" name="LogoFooter">
            <a:extLst>
              <a:ext uri="{FF2B5EF4-FFF2-40B4-BE49-F238E27FC236}">
                <a16:creationId xmlns:a16="http://schemas.microsoft.com/office/drawing/2014/main" id="{B5B2B43B-F910-7839-8063-5DB9432AABA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6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185D9D8-D11B-3B47-230F-74A7A19935AB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41A3BA16-6B6A-D206-D9D9-E6B17F9FD035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0" name="Date dynamic">
            <a:extLst>
              <a:ext uri="{FF2B5EF4-FFF2-40B4-BE49-F238E27FC236}">
                <a16:creationId xmlns:a16="http://schemas.microsoft.com/office/drawing/2014/main" id="{0B08ACCB-C2A9-AB0F-53B9-508FB5BB603A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May 8, 2023</a:t>
            </a: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308775184" name="Classification" descr="{&quot;templafy&quot;:{&quot;id&quot;:&quot;8c15946c-36a8-41fd-9d69-e7bb0206cbf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March 22, 2024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561013997" name="Classification" descr="{&quot;templafy&quot;:{&quot;id&quot;:&quot;63eccf68-22d9-4480-8e89-139b57b1a21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529791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012939"/>
            <a:ext cx="9787525" cy="1164023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4341199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AB468AA7-2417-4EDD-9C40-B1F71A656BC8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104354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noProof="0"/>
              <a:t>.</a:t>
            </a:r>
            <a:endParaRPr lang="en-US"/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6CA92E7-5573-4777-86BE-AA16C43E45A6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FB0A454-F067-B785-E991-D0F17082F0A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936823100" name="Classification" descr="{&quot;templafy&quot;:{&quot;id&quot;:&quot;f060515f-8bf6-47cb-9f36-450836eda3d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45265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H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3430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4826149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4D124D52-1503-4931-ACF6-5F9324FA9DE6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10331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noProof="0"/>
              <a:t>.</a:t>
            </a:r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FEB43D01-22E7-6246-75B0-FA117BBEA256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63B8D508-714D-BCFA-F326-5D1DBEB1220D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622874848" name="Classification" descr="{&quot;templafy&quot;:{&quot;id&quot;:&quot;52d3f810-5580-4c81-afcb-ed12ec57764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45904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6147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5288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014800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4341600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104000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noProof="0"/>
              <a:t>—</a:t>
            </a:r>
            <a:endParaRPr lang="en-US"/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3F8196B3-DB73-4117-BE26-486FF35EB152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3B33A1C-88F9-7246-0708-2E0D0710FF83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9A179196-471B-BBE3-ABAB-8403E20C970D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204758248" name="Classification" descr="{&quot;templafy&quot;:{&quot;id&quot;:&quot;e29f815d-0908-4de8-8fa3-7f258c68dbe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734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dirty="0"/>
              <a:t>—</a:t>
            </a:r>
            <a:endParaRPr lang="en-US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63">
            <a:extLst>
              <a:ext uri="{96DAC541-7B7A-43D3-8B79-37D633B846F1}">
                <asvg:svgBlip xmlns:asvg="http://schemas.microsoft.com/office/drawing/2016/SVG/main" r:embed="rId64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4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dynamic" descr="{&quot;templafy&quot;:{&quot;id&quot;:&quot;866df5a1-c97b-43ba-8285-2566158945e6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711" r:id="rId7"/>
    <p:sldLayoutId id="2147483712" r:id="rId8"/>
    <p:sldLayoutId id="2147483713" r:id="rId9"/>
    <p:sldLayoutId id="2147483714" r:id="rId10"/>
    <p:sldLayoutId id="2147483651" r:id="rId11"/>
    <p:sldLayoutId id="2147483652" r:id="rId12"/>
    <p:sldLayoutId id="2147483654" r:id="rId13"/>
    <p:sldLayoutId id="2147483698" r:id="rId14"/>
    <p:sldLayoutId id="2147483655" r:id="rId15"/>
    <p:sldLayoutId id="2147483705" r:id="rId16"/>
    <p:sldLayoutId id="2147483656" r:id="rId17"/>
    <p:sldLayoutId id="2147483706" r:id="rId18"/>
    <p:sldLayoutId id="2147483657" r:id="rId19"/>
    <p:sldLayoutId id="2147483707" r:id="rId20"/>
    <p:sldLayoutId id="2147483658" r:id="rId21"/>
    <p:sldLayoutId id="2147483708" r:id="rId22"/>
    <p:sldLayoutId id="2147483661" r:id="rId23"/>
    <p:sldLayoutId id="2147483662" r:id="rId24"/>
    <p:sldLayoutId id="2147483659" r:id="rId25"/>
    <p:sldLayoutId id="2147483660" r:id="rId26"/>
    <p:sldLayoutId id="2147483663" r:id="rId27"/>
    <p:sldLayoutId id="2147483664" r:id="rId28"/>
    <p:sldLayoutId id="2147483665" r:id="rId29"/>
    <p:sldLayoutId id="2147483666" r:id="rId30"/>
    <p:sldLayoutId id="2147483668" r:id="rId31"/>
    <p:sldLayoutId id="2147483670" r:id="rId32"/>
    <p:sldLayoutId id="2147483671" r:id="rId33"/>
    <p:sldLayoutId id="2147483669" r:id="rId34"/>
    <p:sldLayoutId id="2147483672" r:id="rId35"/>
    <p:sldLayoutId id="2147483673" r:id="rId36"/>
    <p:sldLayoutId id="2147483694" r:id="rId37"/>
    <p:sldLayoutId id="2147483674" r:id="rId38"/>
    <p:sldLayoutId id="2147483675" r:id="rId39"/>
    <p:sldLayoutId id="2147483676" r:id="rId40"/>
    <p:sldLayoutId id="2147483677" r:id="rId41"/>
    <p:sldLayoutId id="2147483678" r:id="rId42"/>
    <p:sldLayoutId id="2147483679" r:id="rId43"/>
    <p:sldLayoutId id="2147483680" r:id="rId44"/>
    <p:sldLayoutId id="2147483695" r:id="rId45"/>
    <p:sldLayoutId id="2147483682" r:id="rId46"/>
    <p:sldLayoutId id="2147483683" r:id="rId47"/>
    <p:sldLayoutId id="2147483684" r:id="rId48"/>
    <p:sldLayoutId id="2147483685" r:id="rId49"/>
    <p:sldLayoutId id="2147483686" r:id="rId50"/>
    <p:sldLayoutId id="2147483687" r:id="rId51"/>
    <p:sldLayoutId id="2147483667" r:id="rId52"/>
    <p:sldLayoutId id="2147483688" r:id="rId53"/>
    <p:sldLayoutId id="2147483689" r:id="rId54"/>
    <p:sldLayoutId id="2147483690" r:id="rId55"/>
    <p:sldLayoutId id="2147483691" r:id="rId56"/>
    <p:sldLayoutId id="2147483692" r:id="rId57"/>
    <p:sldLayoutId id="2147483699" r:id="rId58"/>
    <p:sldLayoutId id="2147483693" r:id="rId59"/>
    <p:sldLayoutId id="2147483709" r:id="rId60"/>
    <p:sldLayoutId id="2147483710" r:id="rId61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="http://schemas.microsoft.com/office/powerpoint/2012/main" xmlns:asvg="http://schemas.microsoft.com/office/drawing/2016/SVG/main" xmlns:a16="http://schemas.microsoft.com/office/drawing/2014/main"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emf"/><Relationship Id="rId1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0EEAB371-00D9-45F8-7CAE-3345BED2D8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 dirty="0" err="1"/>
              <a:t>ReliaHome</a:t>
            </a:r>
            <a:r>
              <a:rPr lang="it-IT" baseline="30000" dirty="0" err="1"/>
              <a:t>TM</a:t>
            </a:r>
            <a:r>
              <a:rPr lang="it-IT" baseline="30000" dirty="0"/>
              <a:t> </a:t>
            </a:r>
            <a:r>
              <a:rPr lang="it-IT" dirty="0"/>
              <a:t>Smart Panel</a:t>
            </a:r>
            <a:endParaRPr lang="it-IT" baseline="300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A73D7FD-5D31-A8C9-E192-97B17B1532B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Product family overview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162F59D6-CA40-1B03-0208-DDEB0AB192E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pt-BR" spc="300" dirty="0"/>
              <a:t>ELSB_DOC. ID: 1TQC244200E0001  REV. A, APRIL 2024 </a:t>
            </a:r>
            <a:endParaRPr lang="it-IT" spc="300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4EE617C-2978-CD77-9622-1D6534D44D31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17FB7B14-392A-40B8-926C-0B6BDE0E19FB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0225658-3AE7-DD0A-5E45-06F7E163F60A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7FA71DF-AAEB-46FF-23F5-A158DF132D3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  <p:pic>
        <p:nvPicPr>
          <p:cNvPr id="2" name="Classification" descr="{&quot;templafy&quot;:{&quot;id&quot;:&quot;8c15946c-36a8-41fd-9d69-e7bb0206cbf8&quot;}}">
            <a:extLst>
              <a:ext uri="{FF2B5EF4-FFF2-40B4-BE49-F238E27FC236}">
                <a16:creationId xmlns:a16="http://schemas.microsoft.com/office/drawing/2014/main" id="{45CC34E9-1E66-AAF4-0441-DF396ECB919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123949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6FD44C-26FD-020E-1955-8DD6E65F513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ReliaHome</a:t>
            </a:r>
            <a:r>
              <a:rPr lang="en-US" baseline="30000" dirty="0" err="1"/>
              <a:t>TM</a:t>
            </a:r>
            <a:r>
              <a:rPr lang="en-US" baseline="30000" dirty="0"/>
              <a:t> </a:t>
            </a:r>
            <a:r>
              <a:rPr lang="en-US" dirty="0"/>
              <a:t>Smart Pan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1818BE3-0136-FE0E-9379-D2EF495DC24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US" dirty="0"/>
              <a:t>Family overview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FAFDFE3-1ECA-8CBF-E58C-3E0AFA7108E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33F62E4-DE7E-224B-1E5A-DECD576493C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2EE78E3-0FB5-4EDC-9795-648A78EAEBD6}" type="datetime4">
              <a:rPr lang="en-US" smtClean="0"/>
              <a:t>March 22, 2024</a:t>
            </a:fld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C477232-A34E-ADEA-EAFB-0CEF869AF1C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2</a:t>
            </a:fld>
            <a:endParaRPr lang="en-US" dirty="0"/>
          </a:p>
        </p:txBody>
      </p:sp>
      <p:pic>
        <p:nvPicPr>
          <p:cNvPr id="12" name="Picture 11" descr="A white box with a metal tube&#10;&#10;Description automatically generated">
            <a:extLst>
              <a:ext uri="{FF2B5EF4-FFF2-40B4-BE49-F238E27FC236}">
                <a16:creationId xmlns:a16="http://schemas.microsoft.com/office/drawing/2014/main" id="{F70B988B-221C-C6B9-61C0-2800422ED31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28196" y="356400"/>
            <a:ext cx="2775244" cy="2775244"/>
          </a:xfrm>
          <a:prstGeom prst="rect">
            <a:avLst/>
          </a:prstGeom>
        </p:spPr>
      </p:pic>
      <p:graphicFrame>
        <p:nvGraphicFramePr>
          <p:cNvPr id="8" name="Content Placeholder 7">
            <a:extLst>
              <a:ext uri="{FF2B5EF4-FFF2-40B4-BE49-F238E27FC236}">
                <a16:creationId xmlns:a16="http://schemas.microsoft.com/office/drawing/2014/main" id="{BE5906D4-87FD-F5D1-9A32-83B89A9FFD60}"/>
              </a:ext>
            </a:extLst>
          </p:cNvPr>
          <p:cNvGraphicFramePr>
            <a:graphicFrameLocks noGrp="1"/>
          </p:cNvGraphicFramePr>
          <p:nvPr>
            <p:ph sz="quarter" idx="16"/>
            <p:extLst>
              <p:ext uri="{D42A27DB-BD31-4B8C-83A1-F6EECF244321}">
                <p14:modId xmlns:p14="http://schemas.microsoft.com/office/powerpoint/2010/main" val="47635911"/>
              </p:ext>
            </p:extLst>
          </p:nvPr>
        </p:nvGraphicFramePr>
        <p:xfrm>
          <a:off x="361475" y="3087013"/>
          <a:ext cx="7095965" cy="2926080"/>
        </p:xfrm>
        <a:graphic>
          <a:graphicData uri="http://schemas.openxmlformats.org/drawingml/2006/table">
            <a:tbl>
              <a:tblPr firstRow="1" bandRow="1">
                <a:tableStyleId>{773F8A54-F971-430D-9108-034FE38666EA}</a:tableStyleId>
              </a:tblPr>
              <a:tblGrid>
                <a:gridCol w="3946365">
                  <a:extLst>
                    <a:ext uri="{9D8B030D-6E8A-4147-A177-3AD203B41FA5}">
                      <a16:colId xmlns:a16="http://schemas.microsoft.com/office/drawing/2014/main" val="4168875406"/>
                    </a:ext>
                  </a:extLst>
                </a:gridCol>
                <a:gridCol w="3149600">
                  <a:extLst>
                    <a:ext uri="{9D8B030D-6E8A-4147-A177-3AD203B41FA5}">
                      <a16:colId xmlns:a16="http://schemas.microsoft.com/office/drawing/2014/main" val="3439566752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endParaRPr lang="it-IT" sz="12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it-IT" sz="1200" dirty="0" err="1"/>
                        <a:t>ReliaHome</a:t>
                      </a:r>
                      <a:r>
                        <a:rPr lang="it-IT" sz="1200" dirty="0"/>
                        <a:t>™ Smart Panel 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16812153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US" sz="1200" b="1" noProof="0" dirty="0"/>
                        <a:t>Application</a:t>
                      </a:r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noProof="0" dirty="0"/>
                        <a:t>New home construction and retrofi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29524969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US" sz="1200" b="1" noProof="0" dirty="0"/>
                        <a:t>Installation type</a:t>
                      </a:r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noProof="0" dirty="0"/>
                        <a:t>Wall-mount; indoor only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53964203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US" sz="1200" b="1" noProof="0" dirty="0"/>
                        <a:t>AC Voltage</a:t>
                      </a:r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b="0" i="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20/240 VAC Split phase, 50-60HZ</a:t>
                      </a:r>
                      <a:endParaRPr lang="it-IT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16800258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US" sz="1200" b="1" noProof="0" dirty="0"/>
                        <a:t>Supply Breaker Rating</a:t>
                      </a:r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it-IT" sz="1200" dirty="0"/>
                        <a:t>15–20 A (non-GFCI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7353583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US" sz="1200" b="1" noProof="0" dirty="0"/>
                        <a:t>Connection Options</a:t>
                      </a:r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it-IT" sz="1200" dirty="0"/>
                        <a:t>Wi-Fi or Etherne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6020349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US" sz="1200" b="1" noProof="0" dirty="0"/>
                        <a:t>Supply Amperage</a:t>
                      </a:r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it-IT" sz="1200" dirty="0"/>
                        <a:t>0.4A (Maximum)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10694430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US" sz="1200" b="1" noProof="0" dirty="0"/>
                        <a:t>Standby Power</a:t>
                      </a:r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it-IT" sz="1200" dirty="0"/>
                        <a:t>6W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39768232"/>
                  </a:ext>
                </a:extLst>
              </a:tr>
              <a:tr h="121068">
                <a:tc>
                  <a:txBody>
                    <a:bodyPr/>
                    <a:lstStyle/>
                    <a:p>
                      <a:r>
                        <a:rPr lang="en-US" sz="1200" b="1" noProof="0" dirty="0"/>
                        <a:t>Safety Compliance</a:t>
                      </a:r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Listed to UL and CSA C22.2: 61010-1 &amp; 61010-2-030</a:t>
                      </a:r>
                      <a:endParaRPr lang="it-IT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89288658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US" sz="1200" b="1" noProof="0" dirty="0"/>
                        <a:t>Warranty</a:t>
                      </a:r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it-IT" sz="1200" dirty="0"/>
                        <a:t>10-years limite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26868432"/>
                  </a:ext>
                </a:extLst>
              </a:tr>
            </a:tbl>
          </a:graphicData>
        </a:graphic>
      </p:graphicFrame>
      <p:graphicFrame>
        <p:nvGraphicFramePr>
          <p:cNvPr id="13" name="Content Placeholder 7">
            <a:extLst>
              <a:ext uri="{FF2B5EF4-FFF2-40B4-BE49-F238E27FC236}">
                <a16:creationId xmlns:a16="http://schemas.microsoft.com/office/drawing/2014/main" id="{936FA9D7-8043-B0A7-C58D-B1F482A6B177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874319041"/>
              </p:ext>
            </p:extLst>
          </p:nvPr>
        </p:nvGraphicFramePr>
        <p:xfrm>
          <a:off x="7813040" y="3087013"/>
          <a:ext cx="4173219" cy="822960"/>
        </p:xfrm>
        <a:graphic>
          <a:graphicData uri="http://schemas.openxmlformats.org/drawingml/2006/table">
            <a:tbl>
              <a:tblPr firstRow="1" bandRow="1">
                <a:tableStyleId>{773F8A54-F971-430D-9108-034FE38666EA}</a:tableStyleId>
              </a:tblPr>
              <a:tblGrid>
                <a:gridCol w="1950720">
                  <a:extLst>
                    <a:ext uri="{9D8B030D-6E8A-4147-A177-3AD203B41FA5}">
                      <a16:colId xmlns:a16="http://schemas.microsoft.com/office/drawing/2014/main" val="4168875406"/>
                    </a:ext>
                  </a:extLst>
                </a:gridCol>
                <a:gridCol w="2222499">
                  <a:extLst>
                    <a:ext uri="{9D8B030D-6E8A-4147-A177-3AD203B41FA5}">
                      <a16:colId xmlns:a16="http://schemas.microsoft.com/office/drawing/2014/main" val="3439566752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r>
                        <a:rPr lang="it-IT" sz="1200" dirty="0"/>
                        <a:t>Accessorie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it-IT" sz="1200" dirty="0" err="1"/>
                        <a:t>ReliaHome</a:t>
                      </a:r>
                      <a:r>
                        <a:rPr lang="it-IT" sz="1200" dirty="0"/>
                        <a:t>™ Smart Panel 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16812153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lvl="0" indent="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b="1" dirty="0"/>
                        <a:t>Temp Power Kit</a:t>
                      </a:r>
                      <a:endParaRPr lang="it-IT" sz="1200" b="1" dirty="0"/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9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it-IT" sz="12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●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29524969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US" sz="1200" b="1" dirty="0"/>
                        <a:t>Spare 200A CTs</a:t>
                      </a:r>
                      <a:endParaRPr lang="it-IT" sz="1200" b="1" dirty="0"/>
                    </a:p>
                  </a:txBody>
                  <a:tcPr>
                    <a:solidFill>
                      <a:schemeClr val="accent5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it-IT" sz="1200" dirty="0"/>
                        <a:t>●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5396420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4999083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1225011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061099160683493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061099160587161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200966397547855","enableDocumentContentUpdater":false,"version":"2.0"}]]></TemplafySlideTemplateConfiguration>
</file>

<file path=customXml/item1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6.xml><?xml version="1.0" encoding="utf-8"?>
<TemplafySlideTemplateConfiguration><![CDATA[{"slideVersion":1,"isValidatorEnabled":false,"isLocked":false,"elementsMetadata":[],"slideId":"637788117682512656","enableDocumentContentUpdater":false,"version":"2.0"}]]></TemplafySlideTemplateConfiguration>
</file>

<file path=customXml/item17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638200966397366570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8200966397524360","enableDocumentContentUpdater":false,"version":"2.0"}]]></TemplafySlideTemplateConfiguration>
</file>

<file path=customXml/item2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20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 layout-5-name="Picture full screen" shape-5-name-6="Slide number" shape-5-name-7="Date dynamic" shape-5-name-8="CopyrightText" shape-5-name-9="LogoFooter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3.xml><?xml version="1.0" encoding="utf-8"?>
<TemplafyTemplateConfiguration><![CDATA[{"elementsMetadata":[{"type":"shape","id":"866df5a1-c97b-43ba-8285-2566158945e6","elementConfiguration":{"binding":"{{FormatDateTime(Form.PreparedDate, \"MMMM d, yyyy\")}}","visibility":"","type":"text","disableUpdates":false}},{"type":"shape","id":"f060515f-8bf6-47cb-9f36-450836eda3d7","elementConfiguration":{"width":"4.25 cm","height":"0.7 cm","image":"{{Form.SecurityLevel.Classification}}","type":"image","disableUpdates":false}},{"type":"shape","id":"603c3e90-0194-4971-849a-3f31329a9d9a","elementConfiguration":{"width":"4.25 cm","height":"0.7 cm","image":"{{Form.SecurityLevel.Classification}}","type":"image","disableUpdates":false}},{"type":"shape","id":"39739e2c-bdee-4a94-830e-0543c7d0fdac","elementConfiguration":{"width":"4.25 cm","height":"0.7 cm","image":"{{Form.SecurityLevel.Classification}}","type":"image","disableUpdates":false}},{"type":"shape","id":"63eccf68-22d9-4480-8e89-139b57b1a21f","elementConfiguration":{"width":"4.25 cm","height":"0.7 cm","image":"{{Form.SecurityLevel.Classification}}","type":"image","disableUpdates":false}},{"type":"shape","id":"8c15946c-36a8-41fd-9d69-e7bb0206cbf8","elementConfiguration":{"width":"4.25 cm","height":"0.7 cm","image":"{{Form.SecurityLevel.Classification}}","type":"image","disableUpdates":false}},{"type":"shape","id":"9ec6e1c9-1038-4662-b5a7-aee4ae087f25","elementConfiguration":{"width":"4.25 cm","height":"0.7 cm","image":"{{Form.SecurityLevel.Classification}}","type":"image","disableUpdates":false}},{"type":"shape","id":"debbfc72-1d80-4f04-b4fb-3604fbe79797","elementConfiguration":{"width":"4.25 cm","height":"0.7 cm","image":"{{Form.SecurityLevel.Classification}}","type":"image","disableUpdates":false}},{"type":"shape","id":"e29f815d-0908-4de8-8fa3-7f258c68dbe2","elementConfiguration":{"width":"4.25 cm","height":"0.7 cm","image":"{{Form.SecurityLevel.Classification}}","type":"image","disableUpdates":false}},{"type":"shape","id":"52d3f810-5580-4c81-afcb-ed12ec577643","elementConfiguration":{"width":"4.25 cm","height":"0.7 cm","image":"{{Form.SecurityLevel.Classification}}","type":"image","disableUpdates":false}},{"type":"shape","id":"3110b454-f370-43b4-be78-ec38bb1c5a35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- Blank with Dynamics - 20230511 - 2","templateDescription":"","enableDocumentContentUpdater":true,"version":"2.0"}]]></Templafy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8FF1E246EADB4194995BD3F6401C0A" ma:contentTypeVersion="15" ma:contentTypeDescription="Create a new document." ma:contentTypeScope="" ma:versionID="de8950be1f7b2b67c1c539635b85ac83">
  <xsd:schema xmlns:xsd="http://www.w3.org/2001/XMLSchema" xmlns:xs="http://www.w3.org/2001/XMLSchema" xmlns:p="http://schemas.microsoft.com/office/2006/metadata/properties" xmlns:ns2="ca6d00d0-b92c-4667-bea3-d091b1f8c56b" xmlns:ns3="29bc98db-f9b0-4d5a-96f6-4de0d993cde6" targetNamespace="http://schemas.microsoft.com/office/2006/metadata/properties" ma:root="true" ma:fieldsID="328240b4143f0e35e0c15ff3691d842b" ns2:_="" ns3:_="">
    <xsd:import namespace="ca6d00d0-b92c-4667-bea3-d091b1f8c56b"/>
    <xsd:import namespace="29bc98db-f9b0-4d5a-96f6-4de0d993cde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a6d00d0-b92c-4667-bea3-d091b1f8c5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4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9" nillable="true" ma:taxonomy="true" ma:internalName="lcf76f155ced4ddcb4097134ff3c332f" ma:taxonomyFieldName="MediaServiceImageTags" ma:displayName="Image Tags" ma:readOnly="false" ma:fieldId="{5cf76f15-5ced-4ddc-b409-7134ff3c332f}" ma:taxonomyMulti="true" ma:sspId="13e722c5-bebe-4801-a6ac-67aa35eba08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2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2" nillable="true" ma:displayName="Location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9bc98db-f9b0-4d5a-96f6-4de0d993cde6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0" nillable="true" ma:displayName="Taxonomy Catch All Column" ma:hidden="true" ma:list="{1c73375d-aacf-4ca9-ae7e-30cb57285132}" ma:internalName="TaxCatchAll" ma:showField="CatchAllData" ma:web="29bc98db-f9b0-4d5a-96f6-4de0d993cde6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29bc98db-f9b0-4d5a-96f6-4de0d993cde6" xsi:nil="true"/>
    <lcf76f155ced4ddcb4097134ff3c332f xmlns="ca6d00d0-b92c-4667-bea3-d091b1f8c56b">
      <Terms xmlns="http://schemas.microsoft.com/office/infopath/2007/PartnerControls"/>
    </lcf76f155ced4ddcb4097134ff3c332f>
  </documentManagement>
</p:properties>
</file>

<file path=customXml/item6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npIDexmnRzOcjhpjclFbEw=="},{"name":"ProjectName","value":"npIDexmnRzOcjhpjclFbEw=="},{"name":"Revision","value":"npIDexmnRzOcjhpjclFbEw=="},{"name":"ApprovalDate","value":"npIDexmnRzOcjhpjclFbEw=="},{"name":"ApprovedByPerson","value":"npIDexmnRzOcjhpjclFbEw=="},{"name":"PreparedDate","value":"npIDexmnRzOcjhpjclFbEw=="},{"name":"PreparedByPerson","value":"npIDexmnRzOcjhpjclFbEw=="},{"name":"DocumentKind","value":"Xf4c5ExOMmwV3HQHUQBEpB2LxBdNippzF1PxgQ/XIi0="},{"name":"Language","value":"nVWUwVCH4hPlxqXy4HP9YtfdIMCGVn0BS77jADLFKoo="},{"name":"LifeCycleStatus","value":"QnWOujKLJp1RvJFaXvBl6HPTKUr9NiUrF8/eA/+Hz0E="},{"name":"OwningOrganization","value":"npIDexmnRzOcjhpjclFbEw=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061099160631999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0D1EAB0-5C65-4159-93B5-F7E68578E8B8}">
  <ds:schemaRefs/>
</ds:datastoreItem>
</file>

<file path=customXml/itemProps10.xml><?xml version="1.0" encoding="utf-8"?>
<ds:datastoreItem xmlns:ds="http://schemas.openxmlformats.org/officeDocument/2006/customXml" ds:itemID="{55E46940-6434-4A2E-97B3-DE85BC1783F5}">
  <ds:schemaRefs/>
</ds:datastoreItem>
</file>

<file path=customXml/itemProps11.xml><?xml version="1.0" encoding="utf-8"?>
<ds:datastoreItem xmlns:ds="http://schemas.openxmlformats.org/officeDocument/2006/customXml" ds:itemID="{036EC460-B6CE-4E7A-84DC-089C05416332}">
  <ds:schemaRefs/>
</ds:datastoreItem>
</file>

<file path=customXml/itemProps12.xml><?xml version="1.0" encoding="utf-8"?>
<ds:datastoreItem xmlns:ds="http://schemas.openxmlformats.org/officeDocument/2006/customXml" ds:itemID="{ECC07750-EC06-4346-B79E-9160FF093B2F}">
  <ds:schemaRefs/>
</ds:datastoreItem>
</file>

<file path=customXml/itemProps13.xml><?xml version="1.0" encoding="utf-8"?>
<ds:datastoreItem xmlns:ds="http://schemas.openxmlformats.org/officeDocument/2006/customXml" ds:itemID="{231866AF-B5AB-40A1-89D8-F26FAA1BAB0C}">
  <ds:schemaRefs/>
</ds:datastoreItem>
</file>

<file path=customXml/itemProps14.xml><?xml version="1.0" encoding="utf-8"?>
<ds:datastoreItem xmlns:ds="http://schemas.openxmlformats.org/officeDocument/2006/customXml" ds:itemID="{DD3C33AD-792D-4526-B706-A09FEA4C6707}">
  <ds:schemaRefs/>
</ds:datastoreItem>
</file>

<file path=customXml/itemProps15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16.xml><?xml version="1.0" encoding="utf-8"?>
<ds:datastoreItem xmlns:ds="http://schemas.openxmlformats.org/officeDocument/2006/customXml" ds:itemID="{36CE11FC-7391-408D-90AB-F53FFB39221C}">
  <ds:schemaRefs/>
</ds:datastoreItem>
</file>

<file path=customXml/itemProps17.xml><?xml version="1.0" encoding="utf-8"?>
<ds:datastoreItem xmlns:ds="http://schemas.openxmlformats.org/officeDocument/2006/customXml" ds:itemID="{2004A8B6-91F8-4D18-AD7F-EC904A71050A}">
  <ds:schemaRefs/>
</ds:datastoreItem>
</file>

<file path=customXml/itemProps18.xml><?xml version="1.0" encoding="utf-8"?>
<ds:datastoreItem xmlns:ds="http://schemas.openxmlformats.org/officeDocument/2006/customXml" ds:itemID="{1EB768FE-77EA-4A85-9A56-649351B70DF3}">
  <ds:schemaRefs/>
</ds:datastoreItem>
</file>

<file path=customXml/itemProps19.xml><?xml version="1.0" encoding="utf-8"?>
<ds:datastoreItem xmlns:ds="http://schemas.openxmlformats.org/officeDocument/2006/customXml" ds:itemID="{20F5C750-582F-46BB-A4BF-CBC0EFE7CA78}">
  <ds:schemaRefs/>
</ds:datastoreItem>
</file>

<file path=customXml/itemProps2.xml><?xml version="1.0" encoding="utf-8"?>
<ds:datastoreItem xmlns:ds="http://schemas.openxmlformats.org/officeDocument/2006/customXml" ds:itemID="{D61F93F1-57CE-4771-957A-A7645E3DA976}">
  <ds:schemaRefs/>
</ds:datastoreItem>
</file>

<file path=customXml/itemProps20.xml><?xml version="1.0" encoding="utf-8"?>
<ds:datastoreItem xmlns:ds="http://schemas.openxmlformats.org/officeDocument/2006/customXml" ds:itemID="{3701DADA-2F68-45DF-8F02-C8ED25A02974}">
  <ds:schemaRefs/>
</ds:datastoreItem>
</file>

<file path=customXml/itemProps3.xml><?xml version="1.0" encoding="utf-8"?>
<ds:datastoreItem xmlns:ds="http://schemas.openxmlformats.org/officeDocument/2006/customXml" ds:itemID="{D2280EEE-F7B5-4B82-8B3F-6C5291CE43BF}">
  <ds:schemaRefs/>
</ds:datastoreItem>
</file>

<file path=customXml/itemProps4.xml><?xml version="1.0" encoding="utf-8"?>
<ds:datastoreItem xmlns:ds="http://schemas.openxmlformats.org/officeDocument/2006/customXml" ds:itemID="{8120E0AF-00E0-45AD-B295-38D8F949FA7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a6d00d0-b92c-4667-bea3-d091b1f8c56b"/>
    <ds:schemaRef ds:uri="29bc98db-f9b0-4d5a-96f6-4de0d993cde6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0F01761-FF92-45AA-AFD3-07A4C4C43484}">
  <ds:schemaRefs>
    <ds:schemaRef ds:uri="http://schemas.openxmlformats.org/package/2006/metadata/core-properties"/>
    <ds:schemaRef ds:uri="http://schemas.microsoft.com/office/infopath/2007/PartnerControls"/>
    <ds:schemaRef ds:uri="http://schemas.microsoft.com/office/2006/documentManagement/types"/>
    <ds:schemaRef ds:uri="http://purl.org/dc/elements/1.1/"/>
    <ds:schemaRef ds:uri="http://purl.org/dc/dcmitype/"/>
    <ds:schemaRef ds:uri="http://purl.org/dc/terms/"/>
    <ds:schemaRef ds:uri="29bc98db-f9b0-4d5a-96f6-4de0d993cde6"/>
    <ds:schemaRef ds:uri="ca6d00d0-b92c-4667-bea3-d091b1f8c56b"/>
    <ds:schemaRef ds:uri="http://schemas.microsoft.com/office/2006/metadata/properties"/>
    <ds:schemaRef ds:uri="http://www.w3.org/XML/1998/namespace"/>
  </ds:schemaRefs>
</ds:datastoreItem>
</file>

<file path=customXml/itemProps6.xml><?xml version="1.0" encoding="utf-8"?>
<ds:datastoreItem xmlns:ds="http://schemas.openxmlformats.org/officeDocument/2006/customXml" ds:itemID="{88746BAB-2507-4F3A-B16E-ED38367EE530}">
  <ds:schemaRefs/>
</ds:datastoreItem>
</file>

<file path=customXml/itemProps7.xml><?xml version="1.0" encoding="utf-8"?>
<ds:datastoreItem xmlns:ds="http://schemas.openxmlformats.org/officeDocument/2006/customXml" ds:itemID="{73F69E8A-0BFC-4F45-B7EE-FE6E79F6286C}">
  <ds:schemaRefs/>
</ds:datastoreItem>
</file>

<file path=customXml/itemProps8.xml><?xml version="1.0" encoding="utf-8"?>
<ds:datastoreItem xmlns:ds="http://schemas.openxmlformats.org/officeDocument/2006/customXml" ds:itemID="{6E9E1C8D-C31B-45E8-9A65-5D29CD15FD1B}">
  <ds:schemaRefs/>
</ds:datastoreItem>
</file>

<file path=customXml/itemProps9.xml><?xml version="1.0" encoding="utf-8"?>
<ds:datastoreItem xmlns:ds="http://schemas.openxmlformats.org/officeDocument/2006/customXml" ds:itemID="{8265113A-9CF8-4F3C-A204-F97A907EC37F}">
  <ds:schemaRefs/>
</ds:datastoreItem>
</file>

<file path=docMetadata/LabelInfo.xml><?xml version="1.0" encoding="utf-8"?>
<clbl:labelList xmlns:clbl="http://schemas.microsoft.com/office/2020/mipLabelMetadata">
  <clbl:label id="{372ee9e0-9ce0-4033-a64a-c07073a91ecd}" enabled="0" method="" siteId="{372ee9e0-9ce0-4033-a64a-c07073a91ecd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21754</TotalTime>
  <Words>104</Words>
  <Application>Microsoft Office PowerPoint</Application>
  <PresentationFormat>Widescreen</PresentationFormat>
  <Paragraphs>34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8" baseType="lpstr">
      <vt:lpstr>ABBvoice</vt:lpstr>
      <vt:lpstr>ABBvoice Light</vt:lpstr>
      <vt:lpstr>ABBvoiceOffice</vt:lpstr>
      <vt:lpstr>Arial</vt:lpstr>
      <vt:lpstr>ABB Master</vt:lpstr>
      <vt:lpstr>ReliaHomeTM Smart Panel</vt:lpstr>
      <vt:lpstr>ReliaHomeTM Smart Panel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ABB Case Study Engine </dc:title>
  <dc:creator>ABB</dc:creator>
  <cp:lastModifiedBy>Valeria Basile</cp:lastModifiedBy>
  <cp:revision>86</cp:revision>
  <dcterms:created xsi:type="dcterms:W3CDTF">2024-02-23T08:32:15Z</dcterms:created>
  <dcterms:modified xsi:type="dcterms:W3CDTF">2024-03-22T16:03:2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3-05-19T12:37:20</vt:lpwstr>
  </property>
  <property fmtid="{D5CDD505-2E9C-101B-9397-08002B2CF9AE}" pid="7" name="TemplafyTenantId">
    <vt:lpwstr>abb</vt:lpwstr>
  </property>
  <property fmtid="{D5CDD505-2E9C-101B-9397-08002B2CF9AE}" pid="8" name="TemplafyTemplateId">
    <vt:lpwstr>638200966374366508</vt:lpwstr>
  </property>
  <property fmtid="{D5CDD505-2E9C-101B-9397-08002B2CF9AE}" pid="9" name="TemplafyUserProfileId">
    <vt:lpwstr>637904469440590384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true</vt:bool>
  </property>
  <property fmtid="{D5CDD505-2E9C-101B-9397-08002B2CF9AE}" pid="13" name="ContentTypeId">
    <vt:lpwstr>0x0101009C8FF1E246EADB4194995BD3F6401C0A</vt:lpwstr>
  </property>
  <property fmtid="{D5CDD505-2E9C-101B-9397-08002B2CF9AE}" pid="14" name="MediaServiceImageTags">
    <vt:lpwstr/>
  </property>
</Properties>
</file>